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8EF9311" w14:textId="3A051EF3" w:rsidR="008E2BA7" w:rsidRPr="00F52C99" w:rsidRDefault="008E2BA7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  <w:proofErr w:type="spellStart"/>
      <w:r w:rsidRPr="00F52C99">
        <w:rPr>
          <w:rFonts w:ascii="Lucida Bright" w:hAnsi="Lucida Bright" w:cs="Times New Roman"/>
          <w:sz w:val="20"/>
          <w:szCs w:val="20"/>
        </w:rPr>
        <w:t>Resum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enguaj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Sencillo</w:t>
      </w:r>
      <w:proofErr w:type="spellEnd"/>
    </w:p>
    <w:p w14:paraId="3B8D0BA1" w14:textId="77777777" w:rsidR="008E2BA7" w:rsidRPr="00F52C99" w:rsidRDefault="008E2BA7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</w:p>
    <w:p w14:paraId="73FF6EDB" w14:textId="6A69FC57" w:rsidR="00A62F87" w:rsidRPr="00F52C99" w:rsidRDefault="008E2BA7" w:rsidP="00A62F87">
      <w:pPr>
        <w:spacing w:after="0" w:line="240" w:lineRule="auto"/>
        <w:rPr>
          <w:rFonts w:ascii="Lucida Bright" w:hAnsi="Lucida Bright" w:cs="Times New Roman"/>
          <w:i/>
          <w:iCs/>
          <w:sz w:val="20"/>
          <w:szCs w:val="20"/>
        </w:rPr>
      </w:pPr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El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siguiente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resumen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se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proporciona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para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esta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solicitud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pendiente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permiso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calidad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del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agua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que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está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siendo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revisada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por la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Comisión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de Calidad Ambiental de Texas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según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lo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exige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el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Capítulo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39 del Código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Administrativo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de Texas 30. La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información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provista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en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este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resumen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puede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cambiar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durante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la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revisión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técnica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de la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solicitud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y no </w:t>
      </w:r>
      <w:r w:rsidR="00605187" w:rsidRPr="00F52C99">
        <w:rPr>
          <w:rFonts w:ascii="Lucida Bright" w:hAnsi="Lucida Bright" w:cs="Times New Roman"/>
          <w:i/>
          <w:iCs/>
          <w:sz w:val="20"/>
          <w:szCs w:val="20"/>
        </w:rPr>
        <w:t>son</w:t>
      </w:r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representaciones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federales </w:t>
      </w:r>
      <w:proofErr w:type="spellStart"/>
      <w:r w:rsidR="00605187" w:rsidRPr="00F52C99">
        <w:rPr>
          <w:rFonts w:ascii="Lucida Bright" w:hAnsi="Lucida Bright" w:cs="Times New Roman"/>
          <w:i/>
          <w:iCs/>
          <w:sz w:val="20"/>
          <w:szCs w:val="20"/>
        </w:rPr>
        <w:t>ejecutable</w:t>
      </w:r>
      <w:proofErr w:type="spellEnd"/>
      <w:r w:rsidR="00605187"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</w:t>
      </w:r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de la </w:t>
      </w:r>
      <w:proofErr w:type="spellStart"/>
      <w:r w:rsidRPr="00F52C99">
        <w:rPr>
          <w:rFonts w:ascii="Lucida Bright" w:hAnsi="Lucida Bright" w:cs="Times New Roman"/>
          <w:i/>
          <w:iCs/>
          <w:sz w:val="20"/>
          <w:szCs w:val="20"/>
        </w:rPr>
        <w:t>solicitud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 xml:space="preserve"> de </w:t>
      </w:r>
      <w:proofErr w:type="spellStart"/>
      <w:proofErr w:type="gramStart"/>
      <w:r w:rsidRPr="00F52C99">
        <w:rPr>
          <w:rFonts w:ascii="Lucida Bright" w:hAnsi="Lucida Bright" w:cs="Times New Roman"/>
          <w:i/>
          <w:iCs/>
          <w:sz w:val="20"/>
          <w:szCs w:val="20"/>
        </w:rPr>
        <w:t>permiso</w:t>
      </w:r>
      <w:proofErr w:type="spellEnd"/>
      <w:r w:rsidRPr="00F52C99">
        <w:rPr>
          <w:rFonts w:ascii="Lucida Bright" w:hAnsi="Lucida Bright" w:cs="Times New Roman"/>
          <w:i/>
          <w:iCs/>
          <w:sz w:val="20"/>
          <w:szCs w:val="20"/>
        </w:rPr>
        <w:t>..</w:t>
      </w:r>
      <w:proofErr w:type="gramEnd"/>
    </w:p>
    <w:p w14:paraId="4D5CBF40" w14:textId="7A21D762" w:rsidR="00BA5D87" w:rsidRPr="00F52C99" w:rsidRDefault="00BA5D87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</w:p>
    <w:p w14:paraId="7F50C255" w14:textId="24D10EE8" w:rsidR="00BA5D87" w:rsidRPr="00F52C99" w:rsidRDefault="00DC2B82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  <w:r w:rsidRPr="00F52C99">
        <w:rPr>
          <w:rFonts w:ascii="Lucida Bright" w:hAnsi="Lucida Bright" w:cs="Times New Roman"/>
          <w:sz w:val="20"/>
          <w:szCs w:val="20"/>
        </w:rPr>
        <w:t xml:space="preserve">San Miguel Electric Cooperative, Inc. </w:t>
      </w:r>
      <w:r w:rsidR="008E2BA7" w:rsidRPr="00F52C99">
        <w:rPr>
          <w:rFonts w:ascii="Lucida Bright" w:hAnsi="Lucida Bright" w:cs="Times New Roman"/>
          <w:sz w:val="20"/>
          <w:szCs w:val="20"/>
        </w:rPr>
        <w:t xml:space="preserve">(CN600132278) Mina de </w:t>
      </w:r>
      <w:proofErr w:type="spellStart"/>
      <w:r w:rsidR="008E2BA7" w:rsidRPr="00F52C99">
        <w:rPr>
          <w:rFonts w:ascii="Lucida Bright" w:hAnsi="Lucida Bright" w:cs="Times New Roman"/>
          <w:sz w:val="20"/>
          <w:szCs w:val="20"/>
        </w:rPr>
        <w:t>lignito</w:t>
      </w:r>
      <w:proofErr w:type="spellEnd"/>
      <w:r w:rsidR="008E2BA7" w:rsidRPr="00F52C99">
        <w:rPr>
          <w:rFonts w:ascii="Lucida Bright" w:hAnsi="Lucida Bright" w:cs="Times New Roman"/>
          <w:sz w:val="20"/>
          <w:szCs w:val="20"/>
        </w:rPr>
        <w:t xml:space="preserve"> San Miguel (RN100226539). La </w:t>
      </w:r>
      <w:proofErr w:type="spellStart"/>
      <w:r w:rsidR="008E2BA7" w:rsidRPr="00F52C99">
        <w:rPr>
          <w:rFonts w:ascii="Lucida Bright" w:hAnsi="Lucida Bright" w:cs="Times New Roman"/>
          <w:sz w:val="20"/>
          <w:szCs w:val="20"/>
        </w:rPr>
        <w:t>instalación</w:t>
      </w:r>
      <w:proofErr w:type="spellEnd"/>
      <w:r w:rsidR="008E2BA7"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="008E2BA7" w:rsidRPr="00F52C99">
        <w:rPr>
          <w:rFonts w:ascii="Lucida Bright" w:hAnsi="Lucida Bright" w:cs="Times New Roman"/>
          <w:sz w:val="20"/>
          <w:szCs w:val="20"/>
        </w:rPr>
        <w:t>está</w:t>
      </w:r>
      <w:proofErr w:type="spellEnd"/>
      <w:r w:rsidR="008E2BA7"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="008E2BA7" w:rsidRPr="00F52C99">
        <w:rPr>
          <w:rFonts w:ascii="Lucida Bright" w:hAnsi="Lucida Bright" w:cs="Times New Roman"/>
          <w:sz w:val="20"/>
          <w:szCs w:val="20"/>
        </w:rPr>
        <w:t>ubicada</w:t>
      </w:r>
      <w:proofErr w:type="spellEnd"/>
      <w:r w:rsidR="008E2BA7"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="008E2BA7" w:rsidRPr="00F52C99">
        <w:rPr>
          <w:rFonts w:ascii="Lucida Bright" w:hAnsi="Lucida Bright" w:cs="Times New Roman"/>
          <w:sz w:val="20"/>
          <w:szCs w:val="20"/>
        </w:rPr>
        <w:t>en</w:t>
      </w:r>
      <w:proofErr w:type="spellEnd"/>
      <w:r w:rsidR="008E2BA7" w:rsidRPr="00F52C99">
        <w:rPr>
          <w:rFonts w:ascii="Lucida Bright" w:hAnsi="Lucida Bright" w:cs="Times New Roman"/>
          <w:sz w:val="20"/>
          <w:szCs w:val="20"/>
        </w:rPr>
        <w:t xml:space="preserve"> 6200 Farm-to-Market Road 3387, Christine, </w:t>
      </w:r>
      <w:proofErr w:type="spellStart"/>
      <w:r w:rsidR="008E2BA7" w:rsidRPr="00F52C99">
        <w:rPr>
          <w:rFonts w:ascii="Lucida Bright" w:hAnsi="Lucida Bright" w:cs="Times New Roman"/>
          <w:sz w:val="20"/>
          <w:szCs w:val="20"/>
        </w:rPr>
        <w:t>en</w:t>
      </w:r>
      <w:proofErr w:type="spellEnd"/>
      <w:r w:rsidR="008E2BA7" w:rsidRPr="00F52C99">
        <w:rPr>
          <w:rFonts w:ascii="Lucida Bright" w:hAnsi="Lucida Bright" w:cs="Times New Roman"/>
          <w:sz w:val="20"/>
          <w:szCs w:val="20"/>
        </w:rPr>
        <w:t xml:space="preserve"> los </w:t>
      </w:r>
      <w:proofErr w:type="spellStart"/>
      <w:r w:rsidR="008E2BA7" w:rsidRPr="00F52C99">
        <w:rPr>
          <w:rFonts w:ascii="Lucida Bright" w:hAnsi="Lucida Bright" w:cs="Times New Roman"/>
          <w:sz w:val="20"/>
          <w:szCs w:val="20"/>
        </w:rPr>
        <w:t>condados</w:t>
      </w:r>
      <w:proofErr w:type="spellEnd"/>
      <w:r w:rsidR="008E2BA7" w:rsidRPr="00F52C99">
        <w:rPr>
          <w:rFonts w:ascii="Lucida Bright" w:hAnsi="Lucida Bright" w:cs="Times New Roman"/>
          <w:sz w:val="20"/>
          <w:szCs w:val="20"/>
        </w:rPr>
        <w:t xml:space="preserve"> de Atascosa y McMullen, Texas 78012.</w:t>
      </w:r>
    </w:p>
    <w:p w14:paraId="66D11B85" w14:textId="1D31C1B5" w:rsidR="003E5FE7" w:rsidRPr="00F52C99" w:rsidRDefault="003E5FE7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</w:p>
    <w:p w14:paraId="18E10F41" w14:textId="6D7CC191" w:rsidR="00B44267" w:rsidRPr="00F52C99" w:rsidRDefault="008E2BA7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  <w:proofErr w:type="spellStart"/>
      <w:r w:rsidRPr="00F52C99">
        <w:rPr>
          <w:rFonts w:ascii="Lucida Bright" w:hAnsi="Lucida Bright" w:cs="Times New Roman"/>
          <w:sz w:val="20"/>
          <w:szCs w:val="20"/>
        </w:rPr>
        <w:t>Est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solicitud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es para un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nmiend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al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ermis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TPDE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xisten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para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instalac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. Las minas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igni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s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únic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orqu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normalmen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ien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últipl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qu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recib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correntí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luvial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l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espresurizac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la mina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l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renaj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l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oz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la mina, y 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edid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qu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vanz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inerí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ntro de lo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ímit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ropiedad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rrendad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eriódicamen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s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rega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á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ructur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.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e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recisamen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situac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 mina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igni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San Miguel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ond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s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regará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nuev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áre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iner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X,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y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Z,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nuev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áre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iner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ontará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c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inc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nuev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piscinas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ratamien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(X-1, X-2, Y-</w:t>
      </w:r>
      <w:proofErr w:type="gramStart"/>
      <w:r w:rsidRPr="00F52C99">
        <w:rPr>
          <w:rFonts w:ascii="Lucida Bright" w:hAnsi="Lucida Bright" w:cs="Times New Roman"/>
          <w:sz w:val="20"/>
          <w:szCs w:val="20"/>
        </w:rPr>
        <w:t>1 ,</w:t>
      </w:r>
      <w:proofErr w:type="gramEnd"/>
      <w:r w:rsidRPr="00F52C99">
        <w:rPr>
          <w:rFonts w:ascii="Lucida Bright" w:hAnsi="Lucida Bright" w:cs="Times New Roman"/>
          <w:sz w:val="20"/>
          <w:szCs w:val="20"/>
        </w:rPr>
        <w:t xml:space="preserve"> Z-1 y Z-2).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Habrá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inc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futur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socia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c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nuev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oz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ratamien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: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055, 056, 058, 059 y 060.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demá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lo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ambi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relaciona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con la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nuev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áre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iner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hay un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ropuest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revis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l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áre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iner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xisten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11H, con u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ratamien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ropues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O, c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ropues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057</w:t>
      </w:r>
      <w:r w:rsidR="002A34F3" w:rsidRPr="00F52C99">
        <w:rPr>
          <w:rFonts w:ascii="Lucida Bright" w:hAnsi="Lucida Bright" w:cs="Times New Roman"/>
          <w:sz w:val="20"/>
          <w:szCs w:val="20"/>
        </w:rPr>
        <w:t>.</w:t>
      </w:r>
    </w:p>
    <w:p w14:paraId="2590CC31" w14:textId="3EF64480" w:rsidR="009B78D5" w:rsidRPr="00F52C99" w:rsidRDefault="009B78D5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</w:p>
    <w:p w14:paraId="08AEAE08" w14:textId="14DBD3E3" w:rsidR="009B78D5" w:rsidRPr="00F52C99" w:rsidRDefault="008C119A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  <w:r w:rsidRPr="00F52C99">
        <w:rPr>
          <w:rFonts w:ascii="Lucida Bright" w:hAnsi="Lucida Bright" w:cs="Times New Roman"/>
          <w:sz w:val="20"/>
          <w:szCs w:val="20"/>
        </w:rPr>
        <w:t xml:space="preserve">El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ermis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TPDE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xisten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par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l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medio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igni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San Miguel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incluy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40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ratamien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junto con 39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esagü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esigna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. 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edid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qu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vanz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inerí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 s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leva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ab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ctividad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recuperac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inevitablemen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s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roduc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ambi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l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iseñ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l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amañ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la red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.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o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o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ratamien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á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utoriza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par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escargar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a un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as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intermiten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fluj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variable, lo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ual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e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necesari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y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que lo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á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iseña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par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apturar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correntí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luvial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l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áre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la mina,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l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volum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luvi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últim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instanci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correntí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luvial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e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uy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variable. La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imitacion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fluent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incluy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arámetr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sóli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suspendi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otal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hierr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isuel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anganes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isuel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 pH par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áre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inerí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ctiv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arámetr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hierr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isuel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 pH par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áre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osterior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a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inerí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.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od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imitacion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fluent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á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cuerd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con la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aut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federales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limitac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fluent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que s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basa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40 CFR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ar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434</w:t>
      </w:r>
      <w:r w:rsidR="002A443D" w:rsidRPr="00F52C99">
        <w:rPr>
          <w:rFonts w:ascii="Lucida Bright" w:hAnsi="Lucida Bright" w:cs="Times New Roman"/>
          <w:sz w:val="20"/>
          <w:szCs w:val="20"/>
        </w:rPr>
        <w:t>.</w:t>
      </w:r>
    </w:p>
    <w:p w14:paraId="4D7BB5B0" w14:textId="1DF5EFFD" w:rsidR="00D30909" w:rsidRPr="00F52C99" w:rsidRDefault="00D30909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</w:p>
    <w:p w14:paraId="7F048896" w14:textId="772E77F7" w:rsidR="00D30909" w:rsidRPr="00F52C99" w:rsidRDefault="008C119A" w:rsidP="00A62F87">
      <w:pPr>
        <w:spacing w:after="0" w:line="240" w:lineRule="auto"/>
        <w:rPr>
          <w:rFonts w:ascii="Lucida Bright" w:hAnsi="Lucida Bright" w:cs="Times New Roman"/>
          <w:sz w:val="20"/>
          <w:szCs w:val="20"/>
        </w:rPr>
      </w:pPr>
      <w:r w:rsidRPr="00F52C99">
        <w:rPr>
          <w:rFonts w:ascii="Lucida Bright" w:hAnsi="Lucida Bright" w:cs="Times New Roman"/>
          <w:sz w:val="20"/>
          <w:szCs w:val="20"/>
        </w:rPr>
        <w:t xml:space="preserve">El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sistem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ratamien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residual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s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nfoc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aptur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correntí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luvial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espresurizac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la mina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l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oz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la mina. Lo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s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l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étod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tratamient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plicad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par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fluj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esech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y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omis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Ferrocarril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Texa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pecific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o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detall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onstrucc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.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Fundamentalmen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lo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captura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l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gu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revist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 s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ermit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que s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roduzc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l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sedimentación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de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sóli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. Para las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nuev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áre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miner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propuesta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sociado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habrá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X-1 c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055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X-2 c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056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Y-1 c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058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Z-1 c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059 y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stanque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Z-2 c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060.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Además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,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habrá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una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nueva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balsa O con </w:t>
      </w:r>
      <w:proofErr w:type="spellStart"/>
      <w:r w:rsidRPr="00F52C99">
        <w:rPr>
          <w:rFonts w:ascii="Lucida Bright" w:hAnsi="Lucida Bright" w:cs="Times New Roman"/>
          <w:sz w:val="20"/>
          <w:szCs w:val="20"/>
        </w:rPr>
        <w:t>emisario</w:t>
      </w:r>
      <w:proofErr w:type="spellEnd"/>
      <w:r w:rsidRPr="00F52C99">
        <w:rPr>
          <w:rFonts w:ascii="Lucida Bright" w:hAnsi="Lucida Bright" w:cs="Times New Roman"/>
          <w:sz w:val="20"/>
          <w:szCs w:val="20"/>
        </w:rPr>
        <w:t xml:space="preserve"> 057</w:t>
      </w:r>
      <w:r w:rsidR="00194CBA" w:rsidRPr="00F52C99">
        <w:rPr>
          <w:rFonts w:ascii="Lucida Bright" w:hAnsi="Lucida Bright" w:cs="Times New Roman"/>
          <w:sz w:val="20"/>
          <w:szCs w:val="20"/>
        </w:rPr>
        <w:t>.</w:t>
      </w:r>
    </w:p>
    <w:sectPr w:rsidR="00D30909" w:rsidRPr="00F52C99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74107CF" w14:textId="77777777" w:rsidR="00F726C6" w:rsidRDefault="00F726C6" w:rsidP="0016462F">
      <w:pPr>
        <w:spacing w:after="0" w:line="240" w:lineRule="auto"/>
      </w:pPr>
      <w:r>
        <w:separator/>
      </w:r>
    </w:p>
  </w:endnote>
  <w:endnote w:type="continuationSeparator" w:id="0">
    <w:p w14:paraId="6098AB29" w14:textId="77777777" w:rsidR="00F726C6" w:rsidRDefault="00F726C6" w:rsidP="0016462F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Lucida Bright">
    <w:panose1 w:val="02040602050505020304"/>
    <w:charset w:val="00"/>
    <w:family w:val="roman"/>
    <w:pitch w:val="variable"/>
    <w:sig w:usb0="00000003" w:usb1="00000000" w:usb2="00000000" w:usb3="00000000" w:csb0="00000001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9614F4A" w14:textId="77777777" w:rsidR="0016462F" w:rsidRDefault="0016462F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2C37547" w14:textId="77777777" w:rsidR="0016462F" w:rsidRDefault="0016462F">
    <w:pPr>
      <w:pStyle w:val="Footer"/>
    </w:pPr>
  </w:p>
  <w:p w14:paraId="7606C3F2" w14:textId="5AFED04C" w:rsidR="0016462F" w:rsidRDefault="0016462F" w:rsidP="0016462F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16462F">
      <w:rPr>
        <w:sz w:val="18"/>
      </w:rPr>
      <w:instrText>IF "</w:instrText>
    </w:r>
    <w:r w:rsidRPr="0016462F">
      <w:rPr>
        <w:sz w:val="18"/>
      </w:rPr>
      <w:fldChar w:fldCharType="begin"/>
    </w:r>
    <w:r w:rsidRPr="0016462F">
      <w:rPr>
        <w:sz w:val="18"/>
      </w:rPr>
      <w:instrText xml:space="preserve"> DOCVARIABLE "SWDocIDLocation" </w:instrText>
    </w:r>
    <w:r w:rsidRPr="0016462F">
      <w:rPr>
        <w:sz w:val="18"/>
      </w:rPr>
      <w:fldChar w:fldCharType="separate"/>
    </w:r>
    <w:r w:rsidR="00250226">
      <w:rPr>
        <w:sz w:val="18"/>
      </w:rPr>
      <w:instrText>1</w:instrText>
    </w:r>
    <w:r w:rsidRPr="0016462F">
      <w:rPr>
        <w:sz w:val="18"/>
      </w:rPr>
      <w:fldChar w:fldCharType="end"/>
    </w:r>
    <w:r w:rsidRPr="0016462F">
      <w:rPr>
        <w:sz w:val="18"/>
      </w:rPr>
      <w:instrText>" = "1" "</w:instrText>
    </w:r>
    <w:r w:rsidRPr="0016462F">
      <w:rPr>
        <w:sz w:val="18"/>
      </w:rPr>
      <w:fldChar w:fldCharType="begin"/>
    </w:r>
    <w:r w:rsidRPr="0016462F">
      <w:rPr>
        <w:sz w:val="18"/>
      </w:rPr>
      <w:instrText xml:space="preserve"> DOCPROPERTY "SWDocID" </w:instrText>
    </w:r>
    <w:r w:rsidRPr="0016462F">
      <w:rPr>
        <w:sz w:val="18"/>
      </w:rPr>
      <w:fldChar w:fldCharType="separate"/>
    </w:r>
    <w:r w:rsidR="00250226">
      <w:rPr>
        <w:sz w:val="18"/>
      </w:rPr>
      <w:instrText>32833240v.1</w:instrText>
    </w:r>
    <w:r w:rsidRPr="0016462F">
      <w:rPr>
        <w:sz w:val="18"/>
      </w:rPr>
      <w:fldChar w:fldCharType="end"/>
    </w:r>
    <w:r w:rsidRPr="0016462F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50226">
      <w:rPr>
        <w:noProof/>
        <w:sz w:val="18"/>
      </w:rPr>
      <w:t>32833240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BA17E9B" w14:textId="77777777" w:rsidR="0016462F" w:rsidRDefault="0016462F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8BFFB75" w14:textId="77777777" w:rsidR="00F726C6" w:rsidRDefault="00F726C6" w:rsidP="0016462F">
      <w:pPr>
        <w:spacing w:after="0" w:line="240" w:lineRule="auto"/>
      </w:pPr>
      <w:r>
        <w:separator/>
      </w:r>
    </w:p>
  </w:footnote>
  <w:footnote w:type="continuationSeparator" w:id="0">
    <w:p w14:paraId="755F09CC" w14:textId="77777777" w:rsidR="00F726C6" w:rsidRDefault="00F726C6" w:rsidP="0016462F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2E4D76A" w14:textId="77777777" w:rsidR="0016462F" w:rsidRDefault="0016462F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3936B4C" w14:textId="77777777" w:rsidR="0016462F" w:rsidRDefault="0016462F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0A5F30B" w14:textId="77777777" w:rsidR="0016462F" w:rsidRDefault="0016462F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9"/>
  <w:proofState w:spelling="clean" w:grammar="clean"/>
  <w:documentProtection w:edit="readOnly" w:enforcement="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7"/>
    <w:docVar w:name="SWDocIDLocation" w:val="1"/>
  </w:docVars>
  <w:rsids>
    <w:rsidRoot w:val="00A62F87"/>
    <w:rsid w:val="0004654B"/>
    <w:rsid w:val="000722D3"/>
    <w:rsid w:val="00141AC5"/>
    <w:rsid w:val="0016462F"/>
    <w:rsid w:val="00194CBA"/>
    <w:rsid w:val="00250226"/>
    <w:rsid w:val="002A34F3"/>
    <w:rsid w:val="002A443D"/>
    <w:rsid w:val="003703B8"/>
    <w:rsid w:val="003A1157"/>
    <w:rsid w:val="003E5FE7"/>
    <w:rsid w:val="00605187"/>
    <w:rsid w:val="00716A60"/>
    <w:rsid w:val="00717027"/>
    <w:rsid w:val="008C119A"/>
    <w:rsid w:val="008E2BA7"/>
    <w:rsid w:val="009B78D5"/>
    <w:rsid w:val="00A41529"/>
    <w:rsid w:val="00A62F87"/>
    <w:rsid w:val="00B319CF"/>
    <w:rsid w:val="00B44267"/>
    <w:rsid w:val="00BA5D87"/>
    <w:rsid w:val="00CC3DFF"/>
    <w:rsid w:val="00D30909"/>
    <w:rsid w:val="00DC2B82"/>
    <w:rsid w:val="00E726D8"/>
    <w:rsid w:val="00F52C99"/>
    <w:rsid w:val="00F726C6"/>
    <w:rsid w:val="00FC69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44D49512"/>
  <w15:chartTrackingRefBased/>
  <w15:docId w15:val="{A4A0466C-A7C0-4CD8-9E69-C0EA50D7800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16462F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16462F"/>
  </w:style>
  <w:style w:type="paragraph" w:styleId="Footer">
    <w:name w:val="footer"/>
    <w:basedOn w:val="Normal"/>
    <w:link w:val="FooterChar"/>
    <w:uiPriority w:val="99"/>
    <w:unhideWhenUsed/>
    <w:rsid w:val="0016462F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16462F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J W D O C S ! 3 2 8 3 3 2 4 0 . 1 < / d o c u m e n t i d >  
     < s e n d e r i d > D W I L L I S < / s e n d e r i d >  
     < s e n d e r e m a i l > D W I L L I S @ J W . C O M < / s e n d e r e m a i l >  
     < l a s t m o d i f i e d > 2 0 2 2 - 0 5 - 2 3 T 1 3 : 5 0 : 0 0 . 0 0 0 0 0 0 0 - 0 5 : 0 0 < / l a s t m o d i f i e d >  
     < d a t a b a s e > J W D O C S < / d a t a b a s e >  
 < / p r o p e r t i e s > 
</file>

<file path=customXml/itemProps1.xml><?xml version="1.0" encoding="utf-8"?>
<ds:datastoreItem xmlns:ds="http://schemas.openxmlformats.org/officeDocument/2006/customXml" ds:itemID="{98D0B053-92D5-40DC-B148-99C94F14BED2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509</Words>
  <Characters>2902</Characters>
  <Application>Microsoft Office Word</Application>
  <DocSecurity>8</DocSecurity>
  <Lines>24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40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James</dc:creator>
  <cp:keywords/>
  <dc:description/>
  <cp:lastModifiedBy>Leah Whallon</cp:lastModifiedBy>
  <cp:revision>5</cp:revision>
  <cp:lastPrinted>2022-05-24T20:37:00Z</cp:lastPrinted>
  <dcterms:created xsi:type="dcterms:W3CDTF">2022-05-23T18:49:00Z</dcterms:created>
  <dcterms:modified xsi:type="dcterms:W3CDTF">2022-06-07T20:1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32833240v.1</vt:lpwstr>
  </property>
</Properties>
</file>